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D0B92F32-DBB5-4D55-8A20-A6ED6A8F38B5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2-3 社会体育事業概況 (令和４年度)" sheetId="20" r:id="rId1"/>
  </sheets>
  <definedNames>
    <definedName name="_xlnm.Print_Area" localSheetId="0">'2-3 社会体育事業概況 (令和４年度)'!$A$1:$C$56</definedName>
    <definedName name="_xlnm.Print_Titles" localSheetId="0">'2-3 社会体育事業概況 (令和４年度)'!$2:$2</definedName>
  </definedNames>
  <calcPr calcId="191029"/>
</workbook>
</file>

<file path=xl/sharedStrings.xml><?xml version="1.0" encoding="utf-8"?>
<sst xmlns="http://schemas.openxmlformats.org/spreadsheetml/2006/main" count="79" uniqueCount="64">
  <si>
    <t>主な社会体育事業</t>
    <rPh sb="0" eb="1">
      <t>オモ</t>
    </rPh>
    <rPh sb="2" eb="4">
      <t>シャカイ</t>
    </rPh>
    <rPh sb="4" eb="6">
      <t>タイイク</t>
    </rPh>
    <rPh sb="6" eb="8">
      <t>ジギョウ</t>
    </rPh>
    <phoneticPr fontId="2"/>
  </si>
  <si>
    <t>実施延回数</t>
    <rPh sb="0" eb="2">
      <t>ジッシ</t>
    </rPh>
    <rPh sb="2" eb="3">
      <t>ノ</t>
    </rPh>
    <rPh sb="3" eb="5">
      <t>カイスウ</t>
    </rPh>
    <phoneticPr fontId="2"/>
  </si>
  <si>
    <t>参加延人員</t>
    <rPh sb="0" eb="2">
      <t>サンカ</t>
    </rPh>
    <rPh sb="2" eb="5">
      <t>ノベジンイン</t>
    </rPh>
    <phoneticPr fontId="2"/>
  </si>
  <si>
    <t>主な社会体育団体</t>
    <rPh sb="0" eb="1">
      <t>オモ</t>
    </rPh>
    <rPh sb="2" eb="4">
      <t>シャカイ</t>
    </rPh>
    <rPh sb="4" eb="6">
      <t>タイイク</t>
    </rPh>
    <rPh sb="6" eb="8">
      <t>ダンタイ</t>
    </rPh>
    <phoneticPr fontId="2"/>
  </si>
  <si>
    <t>石狩市体育協会</t>
    <rPh sb="0" eb="2">
      <t>イシカリ</t>
    </rPh>
    <rPh sb="2" eb="3">
      <t>シ</t>
    </rPh>
    <rPh sb="3" eb="5">
      <t>タイイク</t>
    </rPh>
    <rPh sb="5" eb="7">
      <t>キョウカイ</t>
    </rPh>
    <phoneticPr fontId="2"/>
  </si>
  <si>
    <t>関連組織団体数</t>
    <rPh sb="0" eb="2">
      <t>カンレン</t>
    </rPh>
    <rPh sb="2" eb="4">
      <t>ソシキ</t>
    </rPh>
    <rPh sb="4" eb="7">
      <t>ダンタイスウ</t>
    </rPh>
    <phoneticPr fontId="2"/>
  </si>
  <si>
    <t>人員</t>
    <rPh sb="0" eb="2">
      <t>ジンイン</t>
    </rPh>
    <phoneticPr fontId="2"/>
  </si>
  <si>
    <t>はじめてのスイミング教室　厚田コース</t>
    <phoneticPr fontId="3"/>
  </si>
  <si>
    <t>はじめてのスイミング教室　水慣れコース</t>
    <phoneticPr fontId="3"/>
  </si>
  <si>
    <t>はじめてのスイミング教室　バタ足習得コース</t>
    <phoneticPr fontId="3"/>
  </si>
  <si>
    <t>マリンスポーツ教室　事前研修</t>
    <phoneticPr fontId="3"/>
  </si>
  <si>
    <t>マリンスポーツ教室　体験研修</t>
    <phoneticPr fontId="3"/>
  </si>
  <si>
    <t>スポレク出前講座</t>
    <phoneticPr fontId="3"/>
  </si>
  <si>
    <t>キッズスポーツクラブ</t>
    <phoneticPr fontId="3"/>
  </si>
  <si>
    <t>エンジョイスポーツ教室</t>
    <phoneticPr fontId="3"/>
  </si>
  <si>
    <t>フレッシュスポーツ教室「簡単ピラティス」</t>
    <phoneticPr fontId="3"/>
  </si>
  <si>
    <t>フレッシュスポーツ教室「ナイトピラティス」</t>
    <phoneticPr fontId="3"/>
  </si>
  <si>
    <t>冬季健康スポーツ教室「歩くスキー」</t>
    <phoneticPr fontId="3"/>
  </si>
  <si>
    <t>やさしい筋力トレーニング教室</t>
    <phoneticPr fontId="3"/>
  </si>
  <si>
    <t>　市民ソフトボール大会</t>
    <phoneticPr fontId="3"/>
  </si>
  <si>
    <t>　石狩サーモンマラソン大会</t>
    <phoneticPr fontId="3"/>
  </si>
  <si>
    <t>　小・中学校駅伝大会</t>
    <phoneticPr fontId="3"/>
  </si>
  <si>
    <t>　いしかり歩け歩こう会</t>
    <phoneticPr fontId="3"/>
  </si>
  <si>
    <t>　スポレク大会</t>
    <phoneticPr fontId="3"/>
  </si>
  <si>
    <t>B&amp;Gスポーツ大会剣道予選会</t>
    <phoneticPr fontId="3"/>
  </si>
  <si>
    <t>B&amp;G北海道ブロック・スポーツ交流交換会</t>
    <phoneticPr fontId="3"/>
  </si>
  <si>
    <t>スポーツ指導者セミナー</t>
    <phoneticPr fontId="3"/>
  </si>
  <si>
    <t>初心者スポーツ教室　バドミントン</t>
    <phoneticPr fontId="3"/>
  </si>
  <si>
    <t>初心者スポーツ教室　剣道</t>
    <phoneticPr fontId="3"/>
  </si>
  <si>
    <t>初心者スポーツ教室　卓球</t>
    <phoneticPr fontId="3"/>
  </si>
  <si>
    <t>初心者スポーツ教室　サッカー</t>
    <phoneticPr fontId="3"/>
  </si>
  <si>
    <t>初心者スポーツ教室　テニス</t>
    <phoneticPr fontId="3"/>
  </si>
  <si>
    <t>初心者スポーツ教室　水泳</t>
    <phoneticPr fontId="3"/>
  </si>
  <si>
    <t>初心者スポーツ教室　カローリング</t>
    <phoneticPr fontId="3"/>
  </si>
  <si>
    <t>初心者スポーツ教室　ソフトボール</t>
    <phoneticPr fontId="3"/>
  </si>
  <si>
    <t>初心者スポーツ教室　弓道</t>
    <phoneticPr fontId="3"/>
  </si>
  <si>
    <t>春の体力アップトレーニング教室</t>
    <rPh sb="0" eb="1">
      <t>ハル</t>
    </rPh>
    <rPh sb="2" eb="4">
      <t>タイリョク</t>
    </rPh>
    <rPh sb="13" eb="15">
      <t>キョウシツ</t>
    </rPh>
    <phoneticPr fontId="3"/>
  </si>
  <si>
    <t>ヨガ教室「ハタ・ヨガ」午前</t>
    <rPh sb="11" eb="13">
      <t>ゴゼン</t>
    </rPh>
    <phoneticPr fontId="3"/>
  </si>
  <si>
    <t>ヨガ教室「ハタ・ヨガ」午後</t>
    <rPh sb="11" eb="13">
      <t>ゴゴ</t>
    </rPh>
    <phoneticPr fontId="3"/>
  </si>
  <si>
    <t>初心者スポーツ教室　少林寺拳法</t>
    <rPh sb="0" eb="3">
      <t>ショシンシャ</t>
    </rPh>
    <rPh sb="7" eb="9">
      <t>キョウシツ</t>
    </rPh>
    <rPh sb="10" eb="13">
      <t>ショウリンジ</t>
    </rPh>
    <rPh sb="13" eb="15">
      <t>ケンポウ</t>
    </rPh>
    <phoneticPr fontId="3"/>
  </si>
  <si>
    <t>初心者スポーツ教室　ＨＩＰ・ＨＯＰダンス</t>
    <rPh sb="0" eb="3">
      <t>ショシンシャ</t>
    </rPh>
    <rPh sb="7" eb="9">
      <t>キョウシツ</t>
    </rPh>
    <phoneticPr fontId="3"/>
  </si>
  <si>
    <t>元気スポーツフィールドIN石狩</t>
    <phoneticPr fontId="3"/>
  </si>
  <si>
    <t>パワーヨガ教室</t>
    <rPh sb="5" eb="7">
      <t>キョウシツ</t>
    </rPh>
    <phoneticPr fontId="3"/>
  </si>
  <si>
    <t>バスケットボール教室</t>
    <phoneticPr fontId="3"/>
  </si>
  <si>
    <t>バスケットボールクリニック</t>
    <phoneticPr fontId="3"/>
  </si>
  <si>
    <t>からだケア教室</t>
    <phoneticPr fontId="3"/>
  </si>
  <si>
    <t>　ヘルスプロモーションクラス</t>
    <phoneticPr fontId="3"/>
  </si>
  <si>
    <t>　スポーツスクールクラス</t>
    <phoneticPr fontId="3"/>
  </si>
  <si>
    <t>　チャレンジDAYクラス</t>
    <phoneticPr fontId="3"/>
  </si>
  <si>
    <t>（令和４年度中）</t>
    <rPh sb="1" eb="3">
      <t>レイワ</t>
    </rPh>
    <rPh sb="4" eb="6">
      <t>ネンド</t>
    </rPh>
    <rPh sb="5" eb="6">
      <t>ガンネン</t>
    </rPh>
    <rPh sb="6" eb="7">
      <t>チュウ</t>
    </rPh>
    <phoneticPr fontId="2"/>
  </si>
  <si>
    <t>（令和４年度中）</t>
    <rPh sb="1" eb="3">
      <t>レイワ</t>
    </rPh>
    <rPh sb="6" eb="7">
      <t>チュウ</t>
    </rPh>
    <phoneticPr fontId="2"/>
  </si>
  <si>
    <t>中止</t>
    <rPh sb="0" eb="2">
      <t>チュウシ</t>
    </rPh>
    <phoneticPr fontId="3"/>
  </si>
  <si>
    <t>第44回石狩浜歩くスキー＆かんじきウォーキングの集い</t>
    <phoneticPr fontId="3"/>
  </si>
  <si>
    <t>第15石狩オープンパークゴルフ大会兼緑苑台チャンピオン大会</t>
    <rPh sb="0" eb="1">
      <t>ダイ</t>
    </rPh>
    <rPh sb="17" eb="18">
      <t>ケン</t>
    </rPh>
    <rPh sb="18" eb="21">
      <t>リョクエンダイ</t>
    </rPh>
    <rPh sb="27" eb="29">
      <t>タイカイ</t>
    </rPh>
    <phoneticPr fontId="3"/>
  </si>
  <si>
    <t>ジュニアスポーツクラブ</t>
    <phoneticPr fontId="3"/>
  </si>
  <si>
    <t>23</t>
    <phoneticPr fontId="3"/>
  </si>
  <si>
    <t>21種目</t>
    <rPh sb="2" eb="4">
      <t>シュモク</t>
    </rPh>
    <phoneticPr fontId="3"/>
  </si>
  <si>
    <t>第22回記念石狩市民スポーツまつり</t>
    <rPh sb="0" eb="1">
      <t>ダイ</t>
    </rPh>
    <rPh sb="4" eb="6">
      <t>キネン</t>
    </rPh>
    <phoneticPr fontId="3"/>
  </si>
  <si>
    <t>第26回石狩市民体育大会</t>
    <rPh sb="0" eb="1">
      <t>ダイ</t>
    </rPh>
    <rPh sb="3" eb="4">
      <t>カイ</t>
    </rPh>
    <phoneticPr fontId="3"/>
  </si>
  <si>
    <t>第3回ウインターチャレンジ事業</t>
    <rPh sb="0" eb="1">
      <t>ダイ</t>
    </rPh>
    <rPh sb="2" eb="3">
      <t>カイ</t>
    </rPh>
    <rPh sb="13" eb="15">
      <t>ジギョウ</t>
    </rPh>
    <phoneticPr fontId="3"/>
  </si>
  <si>
    <t>実施無し</t>
    <rPh sb="0" eb="2">
      <t>ジッシ</t>
    </rPh>
    <rPh sb="2" eb="3">
      <t>ナ</t>
    </rPh>
    <phoneticPr fontId="3"/>
  </si>
  <si>
    <t>石狩管内スポーツフェスタ2022</t>
    <phoneticPr fontId="3"/>
  </si>
  <si>
    <t>スポーツスキルアップセミナー2022</t>
    <phoneticPr fontId="3"/>
  </si>
  <si>
    <t>中止</t>
    <rPh sb="0" eb="2">
      <t>チュウシ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#,##0&quot;回&quot;"/>
    <numFmt numFmtId="177" formatCode="#,#0#&quot;名&quot;"/>
    <numFmt numFmtId="178" formatCode="##,##0&quot;種目&quot;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0" fontId="4" fillId="0" borderId="2" xfId="0" applyFont="1" applyBorder="1" applyAlignment="1">
      <alignment vertical="center" shrinkToFit="1"/>
    </xf>
    <xf numFmtId="176" fontId="1" fillId="0" borderId="1" xfId="0" applyNumberFormat="1" applyFont="1" applyBorder="1" applyAlignment="1">
      <alignment horizontal="center" vertical="center"/>
    </xf>
    <xf numFmtId="176" fontId="0" fillId="0" borderId="1" xfId="0" applyNumberFormat="1" applyBorder="1" applyAlignment="1">
      <alignment horizontal="center" vertical="center"/>
    </xf>
    <xf numFmtId="0" fontId="4" fillId="0" borderId="13" xfId="0" applyFont="1" applyBorder="1" applyAlignment="1">
      <alignment vertical="center" shrinkToFit="1"/>
    </xf>
    <xf numFmtId="176" fontId="1" fillId="0" borderId="15" xfId="0" applyNumberFormat="1" applyFont="1" applyBorder="1" applyAlignment="1">
      <alignment horizontal="center" vertical="center"/>
    </xf>
    <xf numFmtId="0" fontId="4" fillId="0" borderId="9" xfId="0" applyFont="1" applyBorder="1" applyAlignment="1">
      <alignment vertical="center" shrinkToFit="1"/>
    </xf>
    <xf numFmtId="0" fontId="4" fillId="0" borderId="3" xfId="0" applyFont="1" applyBorder="1" applyAlignment="1">
      <alignment vertical="center" shrinkToFit="1"/>
    </xf>
    <xf numFmtId="0" fontId="4" fillId="0" borderId="18" xfId="0" applyFont="1" applyBorder="1" applyAlignment="1">
      <alignment vertical="center" shrinkToFit="1"/>
    </xf>
    <xf numFmtId="176" fontId="0" fillId="0" borderId="8" xfId="0" applyNumberFormat="1" applyBorder="1" applyAlignment="1">
      <alignment horizontal="center" vertical="center"/>
    </xf>
    <xf numFmtId="0" fontId="1" fillId="0" borderId="0" xfId="0" applyFont="1"/>
    <xf numFmtId="0" fontId="1" fillId="0" borderId="12" xfId="0" applyFont="1" applyBorder="1" applyAlignment="1">
      <alignment horizontal="distributed" vertical="center"/>
    </xf>
    <xf numFmtId="0" fontId="1" fillId="0" borderId="6" xfId="0" applyFont="1" applyBorder="1" applyAlignment="1">
      <alignment horizontal="distributed" vertical="center"/>
    </xf>
    <xf numFmtId="49" fontId="0" fillId="0" borderId="4" xfId="0" applyNumberFormat="1" applyBorder="1" applyAlignment="1">
      <alignment horizontal="center" vertical="center"/>
    </xf>
    <xf numFmtId="0" fontId="1" fillId="0" borderId="20" xfId="0" applyFont="1" applyBorder="1" applyAlignment="1">
      <alignment horizontal="distributed" vertical="center"/>
    </xf>
    <xf numFmtId="178" fontId="0" fillId="0" borderId="1" xfId="0" applyNumberFormat="1" applyBorder="1" applyAlignment="1">
      <alignment horizontal="center" vertical="center"/>
    </xf>
    <xf numFmtId="0" fontId="4" fillId="0" borderId="18" xfId="0" applyFont="1" applyFill="1" applyBorder="1" applyAlignment="1">
      <alignment vertical="center" shrinkToFit="1"/>
    </xf>
    <xf numFmtId="176" fontId="0" fillId="0" borderId="7" xfId="0" applyNumberFormat="1" applyFont="1" applyFill="1" applyBorder="1" applyAlignment="1">
      <alignment horizontal="center" vertical="center"/>
    </xf>
    <xf numFmtId="0" fontId="4" fillId="0" borderId="2" xfId="0" applyFont="1" applyFill="1" applyBorder="1" applyAlignment="1">
      <alignment vertical="center" shrinkToFit="1"/>
    </xf>
    <xf numFmtId="176" fontId="0" fillId="0" borderId="1" xfId="0" applyNumberFormat="1" applyFont="1" applyBorder="1" applyAlignment="1">
      <alignment horizontal="center" vertical="center"/>
    </xf>
    <xf numFmtId="176" fontId="1" fillId="0" borderId="1" xfId="0" applyNumberFormat="1" applyFont="1" applyFill="1" applyBorder="1" applyAlignment="1">
      <alignment horizontal="center" vertical="center"/>
    </xf>
    <xf numFmtId="176" fontId="1" fillId="0" borderId="7" xfId="0" applyNumberFormat="1" applyFont="1" applyFill="1" applyBorder="1" applyAlignment="1">
      <alignment horizontal="center" vertical="center"/>
    </xf>
    <xf numFmtId="176" fontId="0" fillId="0" borderId="1" xfId="0" applyNumberFormat="1" applyFont="1" applyFill="1" applyBorder="1" applyAlignment="1">
      <alignment horizontal="center" vertical="center"/>
    </xf>
    <xf numFmtId="176" fontId="1" fillId="0" borderId="7" xfId="0" applyNumberFormat="1" applyFont="1" applyBorder="1" applyAlignment="1">
      <alignment horizontal="center" vertical="center"/>
    </xf>
    <xf numFmtId="176" fontId="0" fillId="0" borderId="24" xfId="0" applyNumberFormat="1" applyFont="1" applyBorder="1" applyAlignment="1">
      <alignment horizontal="center" vertical="center"/>
    </xf>
    <xf numFmtId="176" fontId="0" fillId="0" borderId="21" xfId="0" applyNumberFormat="1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0" fontId="1" fillId="0" borderId="22" xfId="0" applyFont="1" applyBorder="1" applyAlignment="1">
      <alignment horizontal="center" vertical="center" justifyLastLine="1"/>
    </xf>
    <xf numFmtId="0" fontId="1" fillId="0" borderId="23" xfId="0" applyFont="1" applyBorder="1" applyAlignment="1">
      <alignment horizontal="center" vertical="center" justifyLastLine="1"/>
    </xf>
    <xf numFmtId="177" fontId="1" fillId="0" borderId="25" xfId="0" applyNumberFormat="1" applyFont="1" applyBorder="1" applyAlignment="1">
      <alignment horizontal="center" vertical="center"/>
    </xf>
    <xf numFmtId="177" fontId="1" fillId="0" borderId="19" xfId="0" applyNumberFormat="1" applyFont="1" applyBorder="1" applyAlignment="1">
      <alignment horizontal="center" vertical="center"/>
    </xf>
    <xf numFmtId="177" fontId="1" fillId="0" borderId="14" xfId="0" applyNumberFormat="1" applyFont="1" applyBorder="1" applyAlignment="1">
      <alignment horizontal="center" vertical="center"/>
    </xf>
    <xf numFmtId="177" fontId="1" fillId="0" borderId="17" xfId="0" applyNumberFormat="1" applyFont="1" applyBorder="1" applyAlignment="1">
      <alignment horizontal="center" vertical="center"/>
    </xf>
    <xf numFmtId="177" fontId="1" fillId="0" borderId="19" xfId="0" applyNumberFormat="1" applyFont="1" applyFill="1" applyBorder="1" applyAlignment="1">
      <alignment horizontal="center" vertical="center"/>
    </xf>
    <xf numFmtId="177" fontId="1" fillId="0" borderId="14" xfId="0" applyNumberFormat="1" applyFont="1" applyFill="1" applyBorder="1" applyAlignment="1">
      <alignment horizontal="center" vertical="center"/>
    </xf>
    <xf numFmtId="177" fontId="0" fillId="0" borderId="14" xfId="0" applyNumberFormat="1" applyBorder="1" applyAlignment="1">
      <alignment horizontal="center" vertical="center"/>
    </xf>
    <xf numFmtId="177" fontId="0" fillId="0" borderId="14" xfId="0" applyNumberFormat="1" applyFont="1" applyBorder="1" applyAlignment="1">
      <alignment horizontal="center" vertical="center"/>
    </xf>
    <xf numFmtId="177" fontId="0" fillId="0" borderId="16" xfId="0" applyNumberFormat="1" applyBorder="1" applyAlignment="1">
      <alignment horizontal="center" vertical="center"/>
    </xf>
    <xf numFmtId="0" fontId="1" fillId="0" borderId="0" xfId="0" applyFont="1" applyAlignment="1">
      <alignment horizontal="center"/>
    </xf>
    <xf numFmtId="0" fontId="1" fillId="0" borderId="10" xfId="0" applyFont="1" applyBorder="1" applyAlignment="1">
      <alignment horizontal="center" vertical="center" justifyLastLine="1"/>
    </xf>
    <xf numFmtId="0" fontId="1" fillId="0" borderId="11" xfId="0" applyFont="1" applyBorder="1" applyAlignment="1">
      <alignment horizontal="center" vertical="center" justifyLastLine="1"/>
    </xf>
    <xf numFmtId="177" fontId="1" fillId="0" borderId="5" xfId="1" applyNumberFormat="1" applyBorder="1" applyAlignment="1">
      <alignment horizontal="center" vertical="center"/>
    </xf>
    <xf numFmtId="177" fontId="0" fillId="0" borderId="19" xfId="0" applyNumberFormat="1" applyFont="1" applyFill="1" applyBorder="1" applyAlignment="1">
      <alignment horizontal="center" vertical="center"/>
    </xf>
    <xf numFmtId="176" fontId="0" fillId="0" borderId="0" xfId="0" applyNumberFormat="1" applyFont="1" applyFill="1" applyBorder="1" applyAlignment="1">
      <alignment horizontal="center" vertical="center"/>
    </xf>
    <xf numFmtId="177" fontId="1" fillId="0" borderId="26" xfId="0" applyNumberFormat="1" applyFont="1" applyBorder="1" applyAlignment="1">
      <alignment horizontal="center" vertical="center"/>
    </xf>
    <xf numFmtId="176" fontId="0" fillId="0" borderId="27" xfId="0" applyNumberFormat="1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BBF5A7-C418-4F4A-9612-14DA4DBD30A6}">
  <sheetPr>
    <tabColor theme="0"/>
  </sheetPr>
  <dimension ref="A1:C56"/>
  <sheetViews>
    <sheetView tabSelected="1" view="pageBreakPreview" topLeftCell="A10" zoomScaleNormal="100" zoomScaleSheetLayoutView="100" workbookViewId="0">
      <selection activeCell="I38" sqref="I38"/>
    </sheetView>
  </sheetViews>
  <sheetFormatPr defaultRowHeight="13.2" x14ac:dyDescent="0.2"/>
  <cols>
    <col min="1" max="1" width="56.77734375" customWidth="1"/>
    <col min="2" max="3" width="15.44140625" style="26" customWidth="1"/>
  </cols>
  <sheetData>
    <row r="1" spans="1:3" ht="13.8" thickBot="1" x14ac:dyDescent="0.25">
      <c r="C1" s="26" t="s">
        <v>49</v>
      </c>
    </row>
    <row r="2" spans="1:3" ht="13.8" thickBot="1" x14ac:dyDescent="0.25">
      <c r="A2" s="14" t="s">
        <v>0</v>
      </c>
      <c r="B2" s="27" t="s">
        <v>1</v>
      </c>
      <c r="C2" s="28" t="s">
        <v>2</v>
      </c>
    </row>
    <row r="3" spans="1:3" ht="25.5" customHeight="1" x14ac:dyDescent="0.2">
      <c r="A3" s="6" t="s">
        <v>52</v>
      </c>
      <c r="B3" s="24">
        <v>1</v>
      </c>
      <c r="C3" s="29">
        <v>43</v>
      </c>
    </row>
    <row r="4" spans="1:3" ht="25.5" customHeight="1" x14ac:dyDescent="0.2">
      <c r="A4" s="1" t="s">
        <v>41</v>
      </c>
      <c r="B4" s="25" t="s">
        <v>51</v>
      </c>
      <c r="C4" s="25" t="s">
        <v>51</v>
      </c>
    </row>
    <row r="5" spans="1:3" ht="25.5" customHeight="1" x14ac:dyDescent="0.2">
      <c r="A5" s="1" t="s">
        <v>7</v>
      </c>
      <c r="B5" s="25" t="s">
        <v>51</v>
      </c>
      <c r="C5" s="25" t="s">
        <v>51</v>
      </c>
    </row>
    <row r="6" spans="1:3" ht="25.5" customHeight="1" x14ac:dyDescent="0.2">
      <c r="A6" s="1" t="s">
        <v>8</v>
      </c>
      <c r="B6" s="25" t="s">
        <v>51</v>
      </c>
      <c r="C6" s="25" t="s">
        <v>51</v>
      </c>
    </row>
    <row r="7" spans="1:3" ht="25.5" customHeight="1" x14ac:dyDescent="0.2">
      <c r="A7" s="1" t="s">
        <v>9</v>
      </c>
      <c r="B7" s="25" t="s">
        <v>51</v>
      </c>
      <c r="C7" s="25" t="s">
        <v>51</v>
      </c>
    </row>
    <row r="8" spans="1:3" ht="24.9" customHeight="1" x14ac:dyDescent="0.2">
      <c r="A8" s="1" t="s">
        <v>10</v>
      </c>
      <c r="B8" s="25" t="s">
        <v>51</v>
      </c>
      <c r="C8" s="25" t="s">
        <v>51</v>
      </c>
    </row>
    <row r="9" spans="1:3" ht="24.9" customHeight="1" x14ac:dyDescent="0.2">
      <c r="A9" s="1" t="s">
        <v>11</v>
      </c>
      <c r="B9" s="25" t="s">
        <v>51</v>
      </c>
      <c r="C9" s="25" t="s">
        <v>51</v>
      </c>
    </row>
    <row r="10" spans="1:3" ht="24.9" customHeight="1" x14ac:dyDescent="0.2">
      <c r="A10" s="1" t="s">
        <v>12</v>
      </c>
      <c r="B10" s="23">
        <v>80</v>
      </c>
      <c r="C10" s="30">
        <v>1991</v>
      </c>
    </row>
    <row r="11" spans="1:3" ht="24.9" customHeight="1" x14ac:dyDescent="0.2">
      <c r="A11" s="1" t="s">
        <v>53</v>
      </c>
      <c r="B11" s="2">
        <v>1</v>
      </c>
      <c r="C11" s="31">
        <v>35</v>
      </c>
    </row>
    <row r="12" spans="1:3" ht="24.9" customHeight="1" x14ac:dyDescent="0.2">
      <c r="A12" s="1" t="s">
        <v>13</v>
      </c>
      <c r="B12" s="2">
        <v>16</v>
      </c>
      <c r="C12" s="31">
        <v>157</v>
      </c>
    </row>
    <row r="13" spans="1:3" ht="24.9" customHeight="1" x14ac:dyDescent="0.2">
      <c r="A13" s="1" t="s">
        <v>54</v>
      </c>
      <c r="B13" s="2">
        <v>16</v>
      </c>
      <c r="C13" s="31">
        <v>332</v>
      </c>
    </row>
    <row r="14" spans="1:3" ht="24.9" customHeight="1" x14ac:dyDescent="0.2">
      <c r="A14" s="1" t="s">
        <v>37</v>
      </c>
      <c r="B14" s="2">
        <v>45</v>
      </c>
      <c r="C14" s="31">
        <v>2365</v>
      </c>
    </row>
    <row r="15" spans="1:3" ht="24.9" customHeight="1" x14ac:dyDescent="0.2">
      <c r="A15" s="1" t="s">
        <v>38</v>
      </c>
      <c r="B15" s="2">
        <v>45</v>
      </c>
      <c r="C15" s="31">
        <v>789</v>
      </c>
    </row>
    <row r="16" spans="1:3" ht="24.9" customHeight="1" x14ac:dyDescent="0.2">
      <c r="A16" s="4" t="s">
        <v>42</v>
      </c>
      <c r="B16" s="5">
        <v>45</v>
      </c>
      <c r="C16" s="32">
        <v>396</v>
      </c>
    </row>
    <row r="17" spans="1:3" ht="24.9" customHeight="1" x14ac:dyDescent="0.2">
      <c r="A17" s="1" t="s">
        <v>36</v>
      </c>
      <c r="B17" s="2">
        <v>15</v>
      </c>
      <c r="C17" s="31">
        <v>816</v>
      </c>
    </row>
    <row r="18" spans="1:3" ht="24.9" customHeight="1" x14ac:dyDescent="0.2">
      <c r="A18" s="1" t="s">
        <v>14</v>
      </c>
      <c r="B18" s="19">
        <v>8</v>
      </c>
      <c r="C18" s="31">
        <v>84</v>
      </c>
    </row>
    <row r="19" spans="1:3" ht="24.9" customHeight="1" x14ac:dyDescent="0.2">
      <c r="A19" s="1" t="s">
        <v>15</v>
      </c>
      <c r="B19" s="2">
        <v>45</v>
      </c>
      <c r="C19" s="31">
        <v>2841</v>
      </c>
    </row>
    <row r="20" spans="1:3" ht="24.9" customHeight="1" x14ac:dyDescent="0.2">
      <c r="A20" s="1" t="s">
        <v>16</v>
      </c>
      <c r="B20" s="2">
        <v>45</v>
      </c>
      <c r="C20" s="31">
        <v>1659</v>
      </c>
    </row>
    <row r="21" spans="1:3" ht="24.9" customHeight="1" x14ac:dyDescent="0.2">
      <c r="A21" s="1" t="s">
        <v>17</v>
      </c>
      <c r="B21" s="2">
        <v>10</v>
      </c>
      <c r="C21" s="31">
        <v>274</v>
      </c>
    </row>
    <row r="22" spans="1:3" ht="24.9" customHeight="1" x14ac:dyDescent="0.2">
      <c r="A22" s="1" t="s">
        <v>18</v>
      </c>
      <c r="B22" s="2">
        <v>20</v>
      </c>
      <c r="C22" s="31">
        <v>1146</v>
      </c>
    </row>
    <row r="23" spans="1:3" ht="24.9" customHeight="1" x14ac:dyDescent="0.2">
      <c r="A23" s="1" t="s">
        <v>58</v>
      </c>
      <c r="B23" s="15" t="s">
        <v>56</v>
      </c>
      <c r="C23" s="31">
        <v>2838</v>
      </c>
    </row>
    <row r="24" spans="1:3" ht="24.9" customHeight="1" x14ac:dyDescent="0.2">
      <c r="A24" s="16" t="s">
        <v>57</v>
      </c>
      <c r="B24" s="17">
        <v>1</v>
      </c>
      <c r="C24" s="33">
        <v>1174</v>
      </c>
    </row>
    <row r="25" spans="1:3" ht="24.9" customHeight="1" x14ac:dyDescent="0.2">
      <c r="A25" s="18" t="s">
        <v>19</v>
      </c>
      <c r="B25" s="17">
        <v>1</v>
      </c>
      <c r="C25" s="33">
        <v>502</v>
      </c>
    </row>
    <row r="26" spans="1:3" ht="24.9" customHeight="1" x14ac:dyDescent="0.2">
      <c r="A26" s="18" t="s">
        <v>20</v>
      </c>
      <c r="B26" s="17">
        <v>1</v>
      </c>
      <c r="C26" s="33">
        <v>444</v>
      </c>
    </row>
    <row r="27" spans="1:3" ht="24.9" customHeight="1" x14ac:dyDescent="0.2">
      <c r="A27" s="18" t="s">
        <v>21</v>
      </c>
      <c r="B27" s="17" t="s">
        <v>51</v>
      </c>
      <c r="C27" s="42" t="s">
        <v>63</v>
      </c>
    </row>
    <row r="28" spans="1:3" ht="24.9" customHeight="1" x14ac:dyDescent="0.2">
      <c r="A28" s="18" t="s">
        <v>22</v>
      </c>
      <c r="B28" s="17">
        <v>1</v>
      </c>
      <c r="C28" s="33">
        <v>98</v>
      </c>
    </row>
    <row r="29" spans="1:3" ht="24.9" customHeight="1" x14ac:dyDescent="0.2">
      <c r="A29" s="18" t="s">
        <v>23</v>
      </c>
      <c r="B29" s="17">
        <v>1</v>
      </c>
      <c r="C29" s="33">
        <v>130</v>
      </c>
    </row>
    <row r="30" spans="1:3" ht="24.9" customHeight="1" x14ac:dyDescent="0.2">
      <c r="A30" s="18" t="s">
        <v>59</v>
      </c>
      <c r="B30" s="20">
        <v>1</v>
      </c>
      <c r="C30" s="34">
        <v>423</v>
      </c>
    </row>
    <row r="31" spans="1:3" ht="24.9" customHeight="1" x14ac:dyDescent="0.2">
      <c r="A31" s="16" t="s">
        <v>46</v>
      </c>
      <c r="B31" s="17">
        <v>1</v>
      </c>
      <c r="C31" s="33">
        <v>15</v>
      </c>
    </row>
    <row r="32" spans="1:3" ht="24.9" customHeight="1" x14ac:dyDescent="0.2">
      <c r="A32" s="16" t="s">
        <v>47</v>
      </c>
      <c r="B32" s="21">
        <v>6</v>
      </c>
      <c r="C32" s="33">
        <v>297</v>
      </c>
    </row>
    <row r="33" spans="1:3" ht="24.9" customHeight="1" x14ac:dyDescent="0.2">
      <c r="A33" s="16" t="s">
        <v>48</v>
      </c>
      <c r="B33" s="21">
        <v>5</v>
      </c>
      <c r="C33" s="33">
        <v>111</v>
      </c>
    </row>
    <row r="34" spans="1:3" ht="24.9" customHeight="1" x14ac:dyDescent="0.2">
      <c r="A34" s="8" t="s">
        <v>61</v>
      </c>
      <c r="B34" s="43">
        <v>1</v>
      </c>
      <c r="C34" s="44">
        <v>82</v>
      </c>
    </row>
    <row r="35" spans="1:3" ht="24.9" customHeight="1" x14ac:dyDescent="0.2">
      <c r="A35" s="1" t="s">
        <v>62</v>
      </c>
      <c r="B35" s="45" t="s">
        <v>60</v>
      </c>
      <c r="C35" s="25" t="s">
        <v>60</v>
      </c>
    </row>
    <row r="36" spans="1:3" ht="24.9" customHeight="1" x14ac:dyDescent="0.2">
      <c r="A36" s="8" t="s">
        <v>24</v>
      </c>
      <c r="B36" s="17">
        <v>1</v>
      </c>
      <c r="C36" s="30">
        <v>25</v>
      </c>
    </row>
    <row r="37" spans="1:3" ht="24.9" customHeight="1" x14ac:dyDescent="0.2">
      <c r="A37" s="1" t="s">
        <v>25</v>
      </c>
      <c r="B37" s="17">
        <v>1</v>
      </c>
      <c r="C37" s="31">
        <v>60</v>
      </c>
    </row>
    <row r="38" spans="1:3" ht="24.9" customHeight="1" x14ac:dyDescent="0.2">
      <c r="A38" s="1" t="s">
        <v>26</v>
      </c>
      <c r="B38" s="3">
        <v>1</v>
      </c>
      <c r="C38" s="35">
        <v>15</v>
      </c>
    </row>
    <row r="39" spans="1:3" ht="24.9" customHeight="1" x14ac:dyDescent="0.2">
      <c r="A39" s="1" t="s">
        <v>39</v>
      </c>
      <c r="B39" s="22">
        <v>16</v>
      </c>
      <c r="C39" s="31">
        <v>73</v>
      </c>
    </row>
    <row r="40" spans="1:3" ht="24.9" customHeight="1" x14ac:dyDescent="0.2">
      <c r="A40" s="1" t="s">
        <v>40</v>
      </c>
      <c r="B40" s="22">
        <v>33</v>
      </c>
      <c r="C40" s="31">
        <v>244</v>
      </c>
    </row>
    <row r="41" spans="1:3" ht="24.9" customHeight="1" x14ac:dyDescent="0.2">
      <c r="A41" s="1" t="s">
        <v>27</v>
      </c>
      <c r="B41" s="22">
        <v>82</v>
      </c>
      <c r="C41" s="31">
        <v>1559</v>
      </c>
    </row>
    <row r="42" spans="1:3" ht="24.9" customHeight="1" x14ac:dyDescent="0.2">
      <c r="A42" s="1" t="s">
        <v>28</v>
      </c>
      <c r="B42" s="22">
        <v>40</v>
      </c>
      <c r="C42" s="31">
        <v>399</v>
      </c>
    </row>
    <row r="43" spans="1:3" ht="24.9" customHeight="1" x14ac:dyDescent="0.2">
      <c r="A43" s="1" t="s">
        <v>29</v>
      </c>
      <c r="B43" s="2">
        <v>44</v>
      </c>
      <c r="C43" s="31">
        <v>623</v>
      </c>
    </row>
    <row r="44" spans="1:3" ht="24.9" customHeight="1" x14ac:dyDescent="0.2">
      <c r="A44" s="1" t="s">
        <v>30</v>
      </c>
      <c r="B44" s="2">
        <v>40</v>
      </c>
      <c r="C44" s="31">
        <v>1864</v>
      </c>
    </row>
    <row r="45" spans="1:3" ht="24.9" customHeight="1" x14ac:dyDescent="0.2">
      <c r="A45" s="1" t="s">
        <v>31</v>
      </c>
      <c r="B45" s="2">
        <v>22</v>
      </c>
      <c r="C45" s="31">
        <v>485</v>
      </c>
    </row>
    <row r="46" spans="1:3" ht="24.9" customHeight="1" x14ac:dyDescent="0.2">
      <c r="A46" s="1" t="s">
        <v>32</v>
      </c>
      <c r="B46" s="22" t="s">
        <v>63</v>
      </c>
      <c r="C46" s="36" t="s">
        <v>51</v>
      </c>
    </row>
    <row r="47" spans="1:3" ht="24.9" customHeight="1" x14ac:dyDescent="0.2">
      <c r="A47" s="18" t="s">
        <v>33</v>
      </c>
      <c r="B47" s="22">
        <v>12</v>
      </c>
      <c r="C47" s="34">
        <v>145</v>
      </c>
    </row>
    <row r="48" spans="1:3" ht="24.9" customHeight="1" x14ac:dyDescent="0.2">
      <c r="A48" s="1" t="s">
        <v>34</v>
      </c>
      <c r="B48" s="2">
        <v>34</v>
      </c>
      <c r="C48" s="31">
        <v>612</v>
      </c>
    </row>
    <row r="49" spans="1:3" ht="24.9" customHeight="1" x14ac:dyDescent="0.2">
      <c r="A49" s="1" t="s">
        <v>35</v>
      </c>
      <c r="B49" s="2">
        <v>20</v>
      </c>
      <c r="C49" s="31">
        <v>196</v>
      </c>
    </row>
    <row r="50" spans="1:3" ht="24.9" customHeight="1" x14ac:dyDescent="0.2">
      <c r="A50" s="4" t="s">
        <v>43</v>
      </c>
      <c r="B50" s="5">
        <v>44</v>
      </c>
      <c r="C50" s="32">
        <v>1622</v>
      </c>
    </row>
    <row r="51" spans="1:3" ht="24.9" customHeight="1" x14ac:dyDescent="0.2">
      <c r="A51" s="4" t="s">
        <v>44</v>
      </c>
      <c r="B51" s="5">
        <v>1</v>
      </c>
      <c r="C51" s="32">
        <v>29</v>
      </c>
    </row>
    <row r="52" spans="1:3" ht="24.9" customHeight="1" thickBot="1" x14ac:dyDescent="0.25">
      <c r="A52" s="7" t="s">
        <v>45</v>
      </c>
      <c r="B52" s="9">
        <v>5</v>
      </c>
      <c r="C52" s="37">
        <v>165</v>
      </c>
    </row>
    <row r="53" spans="1:3" ht="24.9" customHeight="1" x14ac:dyDescent="0.2">
      <c r="A53" s="10"/>
      <c r="B53" s="38"/>
      <c r="C53" s="38"/>
    </row>
    <row r="54" spans="1:3" ht="24.9" customHeight="1" thickBot="1" x14ac:dyDescent="0.25">
      <c r="A54" s="10"/>
      <c r="B54" s="38"/>
      <c r="C54" s="26" t="s">
        <v>50</v>
      </c>
    </row>
    <row r="55" spans="1:3" ht="24.9" customHeight="1" x14ac:dyDescent="0.2">
      <c r="A55" s="11" t="s">
        <v>3</v>
      </c>
      <c r="B55" s="39" t="s">
        <v>5</v>
      </c>
      <c r="C55" s="40" t="s">
        <v>6</v>
      </c>
    </row>
    <row r="56" spans="1:3" ht="24.9" customHeight="1" thickBot="1" x14ac:dyDescent="0.25">
      <c r="A56" s="12" t="s">
        <v>4</v>
      </c>
      <c r="B56" s="13" t="s">
        <v>55</v>
      </c>
      <c r="C56" s="41">
        <v>2499</v>
      </c>
    </row>
  </sheetData>
  <phoneticPr fontId="3"/>
  <dataValidations count="1">
    <dataValidation imeMode="halfAlpha" allowBlank="1" showInputMessage="1" showErrorMessage="1" sqref="B3:C52" xr:uid="{703EE113-F05B-48FF-BCC4-1EC1B104DC18}"/>
  </dataValidations>
  <pageMargins left="0.74803149606299213" right="0.74803149606299213" top="0.98425196850393704" bottom="0.98425196850393704" header="0.51181102362204722" footer="0.51181102362204722"/>
  <pageSetup paperSize="9" scale="86" orientation="portrait" horizontalDpi="300" verticalDpi="300" r:id="rId1"/>
  <headerFooter alignWithMargins="0">
    <oddHeader>&amp;L&amp;14 ２－３　社会体育事業概況</oddHeader>
    <oddFooter>&amp;Rスポーツ健康課調べ</oddFooter>
  </headerFooter>
  <rowBreaks count="1" manualBreakCount="1">
    <brk id="35" max="2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85AB94B-4D37-4C0A-B7C5-DE229C739E62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3 社会体育事業概況 (令和４年度)</vt:lpstr>
      <vt:lpstr>'2-3 社会体育事業概況 (令和４年度)'!Print_Area</vt:lpstr>
      <vt:lpstr>'2-3 社会体育事業概況 (令和４年度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8-21T02:06:30Z</cp:lastPrinted>
  <dcterms:created xsi:type="dcterms:W3CDTF">1998-06-30T04:47:35Z</dcterms:created>
  <dcterms:modified xsi:type="dcterms:W3CDTF">2023-08-22T21:24:58Z</dcterms:modified>
</cp:coreProperties>
</file>